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90FDA19" w14:textId="1D618D46" w:rsidR="00ED169B" w:rsidRDefault="00623F5D" w:rsidP="00D7003B">
      <w:r>
        <w:t>Godt nytår til alle jer</w:t>
      </w:r>
    </w:p>
    <w:p w14:paraId="6795D0D0" w14:textId="77777777" w:rsidR="00623F5D" w:rsidRDefault="00623F5D" w:rsidP="00D7003B">
      <w:r>
        <w:t>Fra bestyrelsen vil vi gerne ønske jer alle et rigtig godt nytår.</w:t>
      </w:r>
    </w:p>
    <w:p w14:paraId="65C6BD2E" w14:textId="5571084A" w:rsidR="00623F5D" w:rsidRDefault="00623F5D" w:rsidP="00D7003B">
      <w:r>
        <w:t>Det er vel almindeligt i dag, at vi alle siger</w:t>
      </w:r>
      <w:r w:rsidR="002A4C60">
        <w:t>,</w:t>
      </w:r>
      <w:r>
        <w:t xml:space="preserve"> at der er en masse spændende og nye ting i vente. Det mener vi, at vi med rette kan sige om 2026. </w:t>
      </w:r>
    </w:p>
    <w:p w14:paraId="1730DAF4" w14:textId="7DB3C2EC" w:rsidR="00623F5D" w:rsidRDefault="00623F5D" w:rsidP="00D7003B">
      <w:r>
        <w:t xml:space="preserve">Først og fremmest glæder vi os til at tage imod jer på Landskurset til marts, igen i </w:t>
      </w:r>
      <w:r w:rsidR="008445BD">
        <w:t>år, i</w:t>
      </w:r>
      <w:r>
        <w:t xml:space="preserve"> Svendborg. Vi synes det er et spændende program vi har fået sat sammen, hvor vi har lyttet til jeres tilbagemeldinger fra sidste års kursus og også har forsøgt at se ind i de spændende opgaver, som vi ser, vil få betydninger for os</w:t>
      </w:r>
      <w:r w:rsidR="008445BD">
        <w:t xml:space="preserve"> som</w:t>
      </w:r>
      <w:r>
        <w:t xml:space="preserve"> Lunge- og Allergisygeplejersker. </w:t>
      </w:r>
    </w:p>
    <w:p w14:paraId="143D1F2D" w14:textId="0FCB9846" w:rsidR="008445BD" w:rsidRDefault="00623F5D" w:rsidP="00D7003B">
      <w:r>
        <w:t>Ud over at få en masse ny viden med hjem</w:t>
      </w:r>
      <w:r w:rsidR="002A4C60">
        <w:t xml:space="preserve">, </w:t>
      </w:r>
      <w:r>
        <w:t xml:space="preserve">er en stor del </w:t>
      </w:r>
      <w:r w:rsidR="002A4C60">
        <w:t>af at deltage i</w:t>
      </w:r>
      <w:r>
        <w:t xml:space="preserve"> landskurset også at få skabt et netværk rundt om i Danmark, så vi kan dele vores erfaringer. </w:t>
      </w:r>
      <w:r w:rsidR="00517232">
        <w:t>Dette har vi forsøgt at skabe et større rum for i nogle af oplæggene.</w:t>
      </w:r>
      <w:r w:rsidR="00337D1F">
        <w:t xml:space="preserve"> </w:t>
      </w:r>
    </w:p>
    <w:p w14:paraId="2465FA28" w14:textId="16E4B11A" w:rsidR="008445BD" w:rsidRDefault="00623F5D" w:rsidP="00D7003B">
      <w:r>
        <w:t xml:space="preserve">Med den nye </w:t>
      </w:r>
      <w:r w:rsidR="00623BE8">
        <w:t>Sundheds</w:t>
      </w:r>
      <w:r w:rsidR="00E418CF">
        <w:t xml:space="preserve"> </w:t>
      </w:r>
      <w:r>
        <w:t>Reform, som har sat</w:t>
      </w:r>
      <w:r w:rsidR="008445BD">
        <w:t>,</w:t>
      </w:r>
      <w:r>
        <w:t xml:space="preserve"> ikke mindst vores </w:t>
      </w:r>
      <w:r w:rsidR="00517232">
        <w:t xml:space="preserve">patienter med </w:t>
      </w:r>
      <w:r w:rsidR="00337D1F">
        <w:t>KOL på</w:t>
      </w:r>
      <w:r>
        <w:t xml:space="preserve"> dagsorden, </w:t>
      </w:r>
      <w:r w:rsidR="002A4C60">
        <w:t xml:space="preserve">står vi over for at skulle </w:t>
      </w:r>
      <w:r w:rsidR="008445BD">
        <w:t>arbejde med at</w:t>
      </w:r>
      <w:r w:rsidR="002A4C60">
        <w:t xml:space="preserve"> får skabt mere værdi for patienterne</w:t>
      </w:r>
      <w:r w:rsidR="008445BD">
        <w:t>. Mer værdi</w:t>
      </w:r>
      <w:r w:rsidR="002A4C60">
        <w:t>, ved at tu</w:t>
      </w:r>
      <w:r w:rsidR="00623BE8">
        <w:t>r</w:t>
      </w:r>
      <w:r w:rsidR="002A4C60">
        <w:t xml:space="preserve">de ændre i vores eksisterende måde at udføre </w:t>
      </w:r>
      <w:r w:rsidR="008445BD">
        <w:t>sygepleje på</w:t>
      </w:r>
      <w:r w:rsidR="002A4C60">
        <w:t xml:space="preserve">. Måder som kræver innovationstanker, implementering af </w:t>
      </w:r>
      <w:r w:rsidR="008445BD">
        <w:t>ny forskningsresultater</w:t>
      </w:r>
      <w:r w:rsidR="002A4C60">
        <w:t>,</w:t>
      </w:r>
      <w:r w:rsidR="008445BD">
        <w:t xml:space="preserve"> og måske også mod til at indgå nye arbejdsrelationer på tværs af sektorerne</w:t>
      </w:r>
      <w:r w:rsidR="002A4C60">
        <w:t xml:space="preserve"> til gavn for patienterne</w:t>
      </w:r>
      <w:r w:rsidR="008445BD">
        <w:t>.</w:t>
      </w:r>
    </w:p>
    <w:p w14:paraId="53205FFC" w14:textId="72F46D52" w:rsidR="002A4C60" w:rsidRDefault="008445BD" w:rsidP="00D7003B">
      <w:r>
        <w:t>Somatikken og psykiatrien skal arbejde sammen under samme ledelser og her får vi mulighed for a</w:t>
      </w:r>
      <w:r w:rsidR="00517232">
        <w:t>t arbejde sammen på nye måde</w:t>
      </w:r>
      <w:r w:rsidR="00623BE8">
        <w:t>r</w:t>
      </w:r>
      <w:r w:rsidR="00517232">
        <w:t xml:space="preserve"> for </w:t>
      </w:r>
      <w:r>
        <w:t>de mest sårbare patienter, som har både psykiatriske og somatiske diagnoser</w:t>
      </w:r>
      <w:r w:rsidR="002A4C60">
        <w:t xml:space="preserve">. I reformen er der </w:t>
      </w:r>
      <w:r>
        <w:t xml:space="preserve">også </w:t>
      </w:r>
      <w:r w:rsidR="002A4C60">
        <w:t>fokus på</w:t>
      </w:r>
      <w:r w:rsidR="00517232">
        <w:t>,</w:t>
      </w:r>
      <w:r w:rsidR="002A4C60">
        <w:t xml:space="preserve"> hvordan vi på tværs af sektorerne skal </w:t>
      </w:r>
      <w:r>
        <w:t>finde</w:t>
      </w:r>
      <w:r w:rsidR="002A4C60">
        <w:t xml:space="preserve"> de</w:t>
      </w:r>
      <w:r>
        <w:t>t</w:t>
      </w:r>
      <w:r w:rsidR="002A4C60">
        <w:t xml:space="preserve"> bedste samarbejde og</w:t>
      </w:r>
      <w:r>
        <w:t xml:space="preserve"> nye</w:t>
      </w:r>
      <w:r w:rsidR="002A4C60">
        <w:t xml:space="preserve"> opgaveløsning</w:t>
      </w:r>
      <w:r w:rsidR="00623BE8">
        <w:t>er</w:t>
      </w:r>
      <w:r>
        <w:t xml:space="preserve"> i de nye Sundhedsråd</w:t>
      </w:r>
      <w:r w:rsidR="002A4C60">
        <w:t>.</w:t>
      </w:r>
    </w:p>
    <w:p w14:paraId="316CF7F7" w14:textId="185FB23C" w:rsidR="002A4C60" w:rsidRDefault="002A4C60" w:rsidP="00D7003B">
      <w:r>
        <w:t>KOL-pakker er de første som skal finde sin vej frem, både i form af en beskrivelse af indhold og ikke mindst</w:t>
      </w:r>
      <w:r w:rsidR="00517232">
        <w:t>,</w:t>
      </w:r>
      <w:r w:rsidR="008445BD">
        <w:t xml:space="preserve"> </w:t>
      </w:r>
      <w:r>
        <w:t>hvordan vi får dem ud at leve.</w:t>
      </w:r>
    </w:p>
    <w:p w14:paraId="2A7C583E" w14:textId="72749F31" w:rsidR="002A4C60" w:rsidRDefault="002A4C60" w:rsidP="00D7003B">
      <w:r>
        <w:t xml:space="preserve">Inden for allergien satses der ligeledes </w:t>
      </w:r>
      <w:r w:rsidR="00517232">
        <w:t xml:space="preserve">på </w:t>
      </w:r>
      <w:r>
        <w:t xml:space="preserve">uddannelse af flere </w:t>
      </w:r>
      <w:r w:rsidR="008445BD">
        <w:t>special</w:t>
      </w:r>
      <w:r>
        <w:t>læger, og det må alt andet lige også give flere sygeplejeopgaver.</w:t>
      </w:r>
    </w:p>
    <w:p w14:paraId="7920BBC5" w14:textId="4CD4C71E" w:rsidR="002A4C60" w:rsidRDefault="002A4C60" w:rsidP="00D7003B">
      <w:r>
        <w:t>Alt i alt så tænker vi</w:t>
      </w:r>
      <w:r w:rsidR="00517232">
        <w:t>,</w:t>
      </w:r>
      <w:r>
        <w:t xml:space="preserve"> at det bliver spændende at være med til at sætte fokus på nye patientforløb.</w:t>
      </w:r>
    </w:p>
    <w:p w14:paraId="616B4710" w14:textId="4071E8C7" w:rsidR="002A4C60" w:rsidRDefault="008445BD" w:rsidP="00D7003B">
      <w:r>
        <w:t>Fra bestyrelsens side</w:t>
      </w:r>
      <w:r w:rsidR="002A4C60">
        <w:t xml:space="preserve"> arbejder </w:t>
      </w:r>
      <w:r>
        <w:t xml:space="preserve">vi </w:t>
      </w:r>
      <w:r w:rsidR="002A4C60">
        <w:t xml:space="preserve">på at tilbyde endnu et dagskursus i </w:t>
      </w:r>
      <w:r>
        <w:t>Spiometri</w:t>
      </w:r>
      <w:r w:rsidR="00517232">
        <w:t xml:space="preserve"> i efteråret</w:t>
      </w:r>
      <w:r w:rsidR="002A4C60">
        <w:t xml:space="preserve">, denne gang afvikles kurset i Svendborg. </w:t>
      </w:r>
    </w:p>
    <w:p w14:paraId="3509F381" w14:textId="77777777" w:rsidR="00337D1F" w:rsidRDefault="002A4C60" w:rsidP="00D7003B">
      <w:r>
        <w:t xml:space="preserve">En stor del af den medicinske behandling inden for lungesygdomme, </w:t>
      </w:r>
      <w:r w:rsidR="001D6A7E">
        <w:t xml:space="preserve">er </w:t>
      </w:r>
      <w:r>
        <w:t>inhalationsbehandling</w:t>
      </w:r>
      <w:r w:rsidR="001D6A7E">
        <w:t xml:space="preserve"> </w:t>
      </w:r>
      <w:r>
        <w:t xml:space="preserve">og den udfordring det er, at medicinen lander i patienternes lunger. Derfor </w:t>
      </w:r>
      <w:r w:rsidR="001D6A7E">
        <w:t>arbejder</w:t>
      </w:r>
      <w:r>
        <w:t xml:space="preserve"> vi på en temadag omkring inhalationsmedicin. En dag, som formegentlig bliver i samarbejde med faglig sammenslutning af kommunale sygeplejersker</w:t>
      </w:r>
      <w:r w:rsidR="001D6A7E">
        <w:t>.</w:t>
      </w:r>
    </w:p>
    <w:p w14:paraId="38275B48" w14:textId="0DB00705" w:rsidR="001D6A7E" w:rsidRDefault="001D6A7E" w:rsidP="00D7003B">
      <w:r>
        <w:t>På landsmødet i år</w:t>
      </w:r>
      <w:r w:rsidR="00623F5D">
        <w:t xml:space="preserve"> </w:t>
      </w:r>
      <w:r>
        <w:t xml:space="preserve">bliver der mulighed for at stille op til bestyrelsen. Har du lyst så meld dig på banen. På hjemmesiden kan du se hvordan du gør. </w:t>
      </w:r>
      <w:r w:rsidR="00517232">
        <w:t>Vi byder</w:t>
      </w:r>
      <w:r>
        <w:t xml:space="preserve"> alle velkomne, men arbejder du med astma og allergi, gerne inden for børneområdet, eller er du kommunalsygeplejerske med særlig interesse for lungespecialet så tøv ikke med at melde dig.</w:t>
      </w:r>
      <w:r w:rsidR="00517232">
        <w:t xml:space="preserve"> Du behøver ikke have </w:t>
      </w:r>
      <w:r w:rsidR="00517232">
        <w:lastRenderedPageBreak/>
        <w:t xml:space="preserve">erfaring med bestyrelsesarbejdet. Det vigtigste er, at du er faglig engageret og har lyst til styrke sygeplejen til patienter inden for lunge-og allergiområdet. </w:t>
      </w:r>
    </w:p>
    <w:p w14:paraId="353CC4E9" w14:textId="77777777" w:rsidR="001D6A7E" w:rsidRDefault="001D6A7E" w:rsidP="00D7003B">
      <w:r>
        <w:t>Endnu en gang godt nytår</w:t>
      </w:r>
    </w:p>
    <w:p w14:paraId="6A393A91" w14:textId="77777777" w:rsidR="001D6A7E" w:rsidRDefault="001D6A7E" w:rsidP="00D7003B">
      <w:r>
        <w:t>Med venlig hilsen</w:t>
      </w:r>
    </w:p>
    <w:p w14:paraId="167F75AB" w14:textId="06A85DAE" w:rsidR="00623F5D" w:rsidRPr="00D7003B" w:rsidRDefault="001D6A7E" w:rsidP="00D7003B">
      <w:r>
        <w:t>Pernille, Marie L, Helle Marie, Rikke, Pia, Lone og Anette</w:t>
      </w:r>
    </w:p>
    <w:sectPr w:rsidR="00623F5D" w:rsidRPr="00D7003B" w:rsidSect="007A2774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 w:code="9"/>
      <w:pgMar w:top="2552" w:right="1418" w:bottom="1701" w:left="1418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CB61F93" w14:textId="77777777" w:rsidR="00485812" w:rsidRDefault="00485812" w:rsidP="009E4B94">
      <w:pPr>
        <w:spacing w:line="240" w:lineRule="auto"/>
      </w:pPr>
      <w:r>
        <w:separator/>
      </w:r>
    </w:p>
  </w:endnote>
  <w:endnote w:type="continuationSeparator" w:id="0">
    <w:p w14:paraId="09D498FA" w14:textId="77777777" w:rsidR="00485812" w:rsidRDefault="00485812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altName w:val="Calibri"/>
    <w:panose1 w:val="020B05060400000200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EB412B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234"/>
      <w:gridCol w:w="1836"/>
    </w:tblGrid>
    <w:tr w:rsidR="00FC1F1B" w14:paraId="560A8A16" w14:textId="77777777" w:rsidTr="001E46F9">
      <w:trPr>
        <w:trHeight w:val="284"/>
      </w:trPr>
      <w:tc>
        <w:tcPr>
          <w:tcW w:w="6096" w:type="dxa"/>
        </w:tcPr>
        <w:p w14:paraId="1AA5CEB1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65F729C6" w14:textId="77777777" w:rsidR="00FC1F1B" w:rsidRDefault="00000000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1c900167-2edd-405f-b7cd-58b26b68ae1b&quot;}}"/>
              <w:id w:val="2132284046"/>
            </w:sdtPr>
            <w:sdtContent>
              <w:r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6D60632D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2" w:name="_Hlk522710225"/>
  <w:bookmarkStart w:id="3" w:name="_Hlk522710226"/>
  <w:bookmarkStart w:id="4" w:name="_Hlk523305887"/>
  <w:bookmarkStart w:id="5" w:name="_Hlk523305888"/>
  <w:p w14:paraId="791E963F" w14:textId="77777777" w:rsidR="00AA67DC" w:rsidRDefault="0067674F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57728" behindDoc="0" locked="0" layoutInCell="1" allowOverlap="1" wp14:anchorId="3089B38A" wp14:editId="2DB972CD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3E75E8C1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3089B38A" id="EkstraLogoTekst" o:spid="_x0000_s1026" style="position:absolute;margin-left:331.5pt;margin-top:0;width:382.7pt;height:36.85pt;z-index:251657728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d7f6 [3204]" stroked="f" strokecolor="#107fb6 [1604]" strokeweight="2pt">
              <v:textbox inset="0,0,0,0">
                <w:txbxContent>
                  <w:p w14:paraId="3E75E8C1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575AE49" w14:textId="77777777" w:rsidR="00485812" w:rsidRDefault="00485812" w:rsidP="009E4B94">
      <w:pPr>
        <w:spacing w:line="240" w:lineRule="auto"/>
      </w:pPr>
      <w:r>
        <w:separator/>
      </w:r>
    </w:p>
  </w:footnote>
  <w:footnote w:type="continuationSeparator" w:id="0">
    <w:p w14:paraId="6B09138A" w14:textId="77777777" w:rsidR="00485812" w:rsidRDefault="00485812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0CCAA86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B1CFECA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C52E47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158D44A5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6FCBED9C" wp14:editId="7D678004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571186" cy="540000"/>
          <wp:effectExtent l="0" t="0" r="0" b="0"/>
          <wp:wrapNone/>
          <wp:docPr id="1981886877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81886877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71186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06A70D85" wp14:editId="51BE68BA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319849238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19849238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8752" behindDoc="0" locked="0" layoutInCell="1" allowOverlap="1" wp14:anchorId="10C4975E" wp14:editId="60EFA4EC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2097159558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97159558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6496DF47" wp14:editId="0B009611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929395066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29395066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4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3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2"/>
  </w:num>
  <w:num w:numId="15" w16cid:durableId="322706912">
    <w:abstractNumId w:val="10"/>
  </w:num>
  <w:num w:numId="16" w16cid:durableId="922108117">
    <w:abstractNumId w:val="11"/>
  </w:num>
  <w:num w:numId="17" w16cid:durableId="1883517870">
    <w:abstractNumId w:val="12"/>
  </w:num>
  <w:num w:numId="18" w16cid:durableId="2146657006">
    <w:abstractNumId w:val="10"/>
  </w:num>
  <w:num w:numId="19" w16cid:durableId="43532282">
    <w:abstractNumId w:val="14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3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4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3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trackRevisions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23F5D"/>
    <w:rsid w:val="0000253B"/>
    <w:rsid w:val="00004865"/>
    <w:rsid w:val="00004BDF"/>
    <w:rsid w:val="00004F6C"/>
    <w:rsid w:val="00010CF2"/>
    <w:rsid w:val="000160D0"/>
    <w:rsid w:val="000228A2"/>
    <w:rsid w:val="00022F0E"/>
    <w:rsid w:val="00026736"/>
    <w:rsid w:val="00030DE0"/>
    <w:rsid w:val="00035C35"/>
    <w:rsid w:val="00050B19"/>
    <w:rsid w:val="00053D76"/>
    <w:rsid w:val="00075210"/>
    <w:rsid w:val="00075D55"/>
    <w:rsid w:val="0009128C"/>
    <w:rsid w:val="00094ABD"/>
    <w:rsid w:val="00097047"/>
    <w:rsid w:val="00097BED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3244F"/>
    <w:rsid w:val="00143C42"/>
    <w:rsid w:val="00170EA6"/>
    <w:rsid w:val="00182651"/>
    <w:rsid w:val="00185822"/>
    <w:rsid w:val="0018722D"/>
    <w:rsid w:val="00191592"/>
    <w:rsid w:val="001A4105"/>
    <w:rsid w:val="001B080A"/>
    <w:rsid w:val="001C26AA"/>
    <w:rsid w:val="001C395D"/>
    <w:rsid w:val="001C423A"/>
    <w:rsid w:val="001C683B"/>
    <w:rsid w:val="001D436A"/>
    <w:rsid w:val="001D6A7E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4C60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2463C"/>
    <w:rsid w:val="00331DC6"/>
    <w:rsid w:val="003361DB"/>
    <w:rsid w:val="00337D1F"/>
    <w:rsid w:val="00344B2B"/>
    <w:rsid w:val="003549CA"/>
    <w:rsid w:val="003614ED"/>
    <w:rsid w:val="00361571"/>
    <w:rsid w:val="0036202C"/>
    <w:rsid w:val="0037699C"/>
    <w:rsid w:val="00384CDD"/>
    <w:rsid w:val="00392DC1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5FAC"/>
    <w:rsid w:val="003E6FC0"/>
    <w:rsid w:val="003F2CE1"/>
    <w:rsid w:val="003F74C9"/>
    <w:rsid w:val="0040253B"/>
    <w:rsid w:val="0041584B"/>
    <w:rsid w:val="00421B21"/>
    <w:rsid w:val="00424709"/>
    <w:rsid w:val="00424AD9"/>
    <w:rsid w:val="004259B6"/>
    <w:rsid w:val="0043594E"/>
    <w:rsid w:val="00435C01"/>
    <w:rsid w:val="00442986"/>
    <w:rsid w:val="00444EE4"/>
    <w:rsid w:val="00450D54"/>
    <w:rsid w:val="00451517"/>
    <w:rsid w:val="00456F78"/>
    <w:rsid w:val="00472A21"/>
    <w:rsid w:val="00482FA7"/>
    <w:rsid w:val="00485812"/>
    <w:rsid w:val="004939CF"/>
    <w:rsid w:val="004A6192"/>
    <w:rsid w:val="004C01B2"/>
    <w:rsid w:val="004C6AC3"/>
    <w:rsid w:val="004D3BC9"/>
    <w:rsid w:val="004E1D2E"/>
    <w:rsid w:val="004F00A5"/>
    <w:rsid w:val="004F03E3"/>
    <w:rsid w:val="004F14E6"/>
    <w:rsid w:val="004F278B"/>
    <w:rsid w:val="00500E8C"/>
    <w:rsid w:val="00505068"/>
    <w:rsid w:val="0051610D"/>
    <w:rsid w:val="00517232"/>
    <w:rsid w:val="005178A7"/>
    <w:rsid w:val="00521999"/>
    <w:rsid w:val="005412DB"/>
    <w:rsid w:val="00543EF2"/>
    <w:rsid w:val="00566DE2"/>
    <w:rsid w:val="00570B5E"/>
    <w:rsid w:val="005808AC"/>
    <w:rsid w:val="00582AE7"/>
    <w:rsid w:val="00593D85"/>
    <w:rsid w:val="0059497E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F1580"/>
    <w:rsid w:val="005F3ED8"/>
    <w:rsid w:val="005F404F"/>
    <w:rsid w:val="005F6B57"/>
    <w:rsid w:val="00620547"/>
    <w:rsid w:val="00623BE8"/>
    <w:rsid w:val="00623F5D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900C2"/>
    <w:rsid w:val="006B30A9"/>
    <w:rsid w:val="006D5A6F"/>
    <w:rsid w:val="006F28ED"/>
    <w:rsid w:val="006F43DF"/>
    <w:rsid w:val="0070267E"/>
    <w:rsid w:val="00706DF3"/>
    <w:rsid w:val="00706E32"/>
    <w:rsid w:val="00712C25"/>
    <w:rsid w:val="00735C56"/>
    <w:rsid w:val="00743CD0"/>
    <w:rsid w:val="007546AF"/>
    <w:rsid w:val="00757310"/>
    <w:rsid w:val="00763C5B"/>
    <w:rsid w:val="00765934"/>
    <w:rsid w:val="00767CA5"/>
    <w:rsid w:val="00772A17"/>
    <w:rsid w:val="00775501"/>
    <w:rsid w:val="00777F96"/>
    <w:rsid w:val="00784D8B"/>
    <w:rsid w:val="007A2774"/>
    <w:rsid w:val="007A3668"/>
    <w:rsid w:val="007B0AF6"/>
    <w:rsid w:val="007B259C"/>
    <w:rsid w:val="007B6479"/>
    <w:rsid w:val="007C6FA3"/>
    <w:rsid w:val="007E373C"/>
    <w:rsid w:val="007F4E18"/>
    <w:rsid w:val="008138F4"/>
    <w:rsid w:val="00830329"/>
    <w:rsid w:val="00836161"/>
    <w:rsid w:val="0083626D"/>
    <w:rsid w:val="008445BD"/>
    <w:rsid w:val="00854350"/>
    <w:rsid w:val="00857176"/>
    <w:rsid w:val="0086095F"/>
    <w:rsid w:val="00874FA1"/>
    <w:rsid w:val="00875F4A"/>
    <w:rsid w:val="008809A2"/>
    <w:rsid w:val="00890260"/>
    <w:rsid w:val="00892D08"/>
    <w:rsid w:val="00893791"/>
    <w:rsid w:val="008972EE"/>
    <w:rsid w:val="008A731D"/>
    <w:rsid w:val="008D018A"/>
    <w:rsid w:val="008D0D61"/>
    <w:rsid w:val="008D23D7"/>
    <w:rsid w:val="008E2A94"/>
    <w:rsid w:val="008E5A6D"/>
    <w:rsid w:val="008F32DF"/>
    <w:rsid w:val="008F338D"/>
    <w:rsid w:val="008F4D20"/>
    <w:rsid w:val="009177D5"/>
    <w:rsid w:val="00917BCB"/>
    <w:rsid w:val="0092635F"/>
    <w:rsid w:val="00931771"/>
    <w:rsid w:val="00944943"/>
    <w:rsid w:val="0094757D"/>
    <w:rsid w:val="00951B25"/>
    <w:rsid w:val="00952FAD"/>
    <w:rsid w:val="00953486"/>
    <w:rsid w:val="009567EC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21315"/>
    <w:rsid w:val="00A3189C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73D8A"/>
    <w:rsid w:val="00B803B4"/>
    <w:rsid w:val="00B827CA"/>
    <w:rsid w:val="00B91DEB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E47"/>
    <w:rsid w:val="00C10093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60AB8"/>
    <w:rsid w:val="00C65401"/>
    <w:rsid w:val="00C666FC"/>
    <w:rsid w:val="00C67AA2"/>
    <w:rsid w:val="00C823E5"/>
    <w:rsid w:val="00C95A13"/>
    <w:rsid w:val="00CA09BA"/>
    <w:rsid w:val="00CA0A7D"/>
    <w:rsid w:val="00CB0048"/>
    <w:rsid w:val="00CB32AD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752F"/>
    <w:rsid w:val="00D40BE1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E070EB"/>
    <w:rsid w:val="00E146D0"/>
    <w:rsid w:val="00E3443E"/>
    <w:rsid w:val="00E418CF"/>
    <w:rsid w:val="00E53EE9"/>
    <w:rsid w:val="00E6091D"/>
    <w:rsid w:val="00E61D8F"/>
    <w:rsid w:val="00E66451"/>
    <w:rsid w:val="00E67152"/>
    <w:rsid w:val="00E81E8C"/>
    <w:rsid w:val="00E84206"/>
    <w:rsid w:val="00E95714"/>
    <w:rsid w:val="00EA40C1"/>
    <w:rsid w:val="00EA7CC0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061D1"/>
    <w:rsid w:val="00F173E4"/>
    <w:rsid w:val="00F233E7"/>
    <w:rsid w:val="00F353AE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3FF147C"/>
  <w15:docId w15:val="{EAC01365-7692-4A08-8C50-C05F1D7E799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</w:rPr>
      <w:tblPr/>
      <w:tcPr>
        <w:shd w:val="clear" w:color="auto" w:fill="D5EEFB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5EEF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</w:rPr>
      <w:tblPr/>
      <w:tcPr>
        <w:shd w:val="clear" w:color="auto" w:fill="B7E3F8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7E3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</w:rPr>
      <w:tblPr/>
      <w:tcPr>
        <w:shd w:val="clear" w:color="auto" w:fill="A2DAF6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2DAF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4FB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DF8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A1E7" w:themeFill="accent3" w:themeFillShade="CC"/>
      </w:tcPr>
    </w:tblStylePr>
    <w:tblStylePr w:type="lastRow">
      <w:rPr>
        <w:b/>
        <w:bCs/>
        <w:color w:val="15A1E7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8F6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84BD" w:themeFill="accent5" w:themeFillShade="CC"/>
      </w:tcPr>
    </w:tblStylePr>
    <w:tblStylePr w:type="lastRow">
      <w:rPr>
        <w:b/>
        <w:bCs/>
        <w:color w:val="1184BD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99D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99DB" w:themeColor="accent1" w:themeShade="99"/>
          <w:insideV w:val="nil"/>
        </w:tcBorders>
        <w:shd w:val="clear" w:color="auto" w:fill="1399D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9DB" w:themeFill="accent1" w:themeFillShade="99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CCEBFA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79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79AD" w:themeColor="accent3" w:themeShade="99"/>
          <w:insideV w:val="nil"/>
        </w:tcBorders>
        <w:shd w:val="clear" w:color="auto" w:fill="0F79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79AD" w:themeFill="accent3" w:themeFillShade="99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B9EF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38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38E" w:themeColor="accent5" w:themeShade="99"/>
          <w:insideV w:val="nil"/>
        </w:tcBorders>
        <w:shd w:val="clear" w:color="auto" w:fill="0D638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38E" w:themeFill="accent5" w:themeFillShade="99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8CD1F4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A5E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7F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CB2E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49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97D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A52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7BB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5EEFB" w:themeColor="accent1" w:themeTint="66"/>
        <w:left w:val="single" w:sz="4" w:space="0" w:color="D5EEFB" w:themeColor="accent1" w:themeTint="66"/>
        <w:bottom w:val="single" w:sz="4" w:space="0" w:color="D5EEFB" w:themeColor="accent1" w:themeTint="66"/>
        <w:right w:val="single" w:sz="4" w:space="0" w:color="D5EEFB" w:themeColor="accent1" w:themeTint="66"/>
        <w:insideH w:val="single" w:sz="4" w:space="0" w:color="D5EEFB" w:themeColor="accent1" w:themeTint="66"/>
        <w:insideV w:val="single" w:sz="4" w:space="0" w:color="D5EEF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7E3F8" w:themeColor="accent3" w:themeTint="66"/>
        <w:left w:val="single" w:sz="4" w:space="0" w:color="B7E3F8" w:themeColor="accent3" w:themeTint="66"/>
        <w:bottom w:val="single" w:sz="4" w:space="0" w:color="B7E3F8" w:themeColor="accent3" w:themeTint="66"/>
        <w:right w:val="single" w:sz="4" w:space="0" w:color="B7E3F8" w:themeColor="accent3" w:themeTint="66"/>
        <w:insideH w:val="single" w:sz="4" w:space="0" w:color="B7E3F8" w:themeColor="accent3" w:themeTint="66"/>
        <w:insideV w:val="single" w:sz="4" w:space="0" w:color="B7E3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2DAF6" w:themeColor="accent5" w:themeTint="66"/>
        <w:left w:val="single" w:sz="4" w:space="0" w:color="A2DAF6" w:themeColor="accent5" w:themeTint="66"/>
        <w:bottom w:val="single" w:sz="4" w:space="0" w:color="A2DAF6" w:themeColor="accent5" w:themeTint="66"/>
        <w:right w:val="single" w:sz="4" w:space="0" w:color="A2DAF6" w:themeColor="accent5" w:themeTint="66"/>
        <w:insideH w:val="single" w:sz="4" w:space="0" w:color="A2DAF6" w:themeColor="accent5" w:themeTint="66"/>
        <w:insideV w:val="single" w:sz="4" w:space="0" w:color="A2DAF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E7F9" w:themeColor="accent1" w:themeTint="99"/>
        <w:bottom w:val="single" w:sz="2" w:space="0" w:color="C1E7F9" w:themeColor="accent1" w:themeTint="99"/>
        <w:insideH w:val="single" w:sz="2" w:space="0" w:color="C1E7F9" w:themeColor="accent1" w:themeTint="99"/>
        <w:insideV w:val="single" w:sz="2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7F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93D4F5" w:themeColor="accent3" w:themeTint="99"/>
        <w:bottom w:val="single" w:sz="2" w:space="0" w:color="93D4F5" w:themeColor="accent3" w:themeTint="99"/>
        <w:insideH w:val="single" w:sz="2" w:space="0" w:color="93D4F5" w:themeColor="accent3" w:themeTint="99"/>
        <w:insideV w:val="single" w:sz="2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D4F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74C8F2" w:themeColor="accent5" w:themeTint="99"/>
        <w:bottom w:val="single" w:sz="2" w:space="0" w:color="74C8F2" w:themeColor="accent5" w:themeTint="99"/>
        <w:insideH w:val="single" w:sz="2" w:space="0" w:color="74C8F2" w:themeColor="accent5" w:themeTint="99"/>
        <w:insideV w:val="single" w:sz="2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C8F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D5EEFB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B7E3F8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A2DAF6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1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  <w:shd w:val="clear" w:color="auto" w:fill="E5F5FC" w:themeFill="accent1" w:themeFillTint="3F"/>
      </w:tcPr>
    </w:tblStylePr>
    <w:tblStylePr w:type="band2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1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  <w:shd w:val="clear" w:color="auto" w:fill="D2EDFB" w:themeFill="accent3" w:themeFillTint="3F"/>
      </w:tcPr>
    </w:tblStylePr>
    <w:tblStylePr w:type="band2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1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  <w:shd w:val="clear" w:color="auto" w:fill="C5E8F9" w:themeFill="accent5" w:themeFillTint="3F"/>
      </w:tcPr>
    </w:tblStylePr>
    <w:tblStylePr w:type="band2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bottom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bottom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bottom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D7F6" w:themeColor="accent1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7F6" w:themeColor="accent1"/>
          <w:right w:val="single" w:sz="4" w:space="0" w:color="99D7F6" w:themeColor="accent1"/>
        </w:tcBorders>
      </w:tcPr>
    </w:tblStylePr>
    <w:tblStylePr w:type="band1Horz">
      <w:tblPr/>
      <w:tcPr>
        <w:tcBorders>
          <w:top w:val="single" w:sz="4" w:space="0" w:color="99D7F6" w:themeColor="accent1"/>
          <w:bottom w:val="single" w:sz="4" w:space="0" w:color="99D7F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7F6" w:themeColor="accent1"/>
          <w:left w:val="nil"/>
        </w:tcBorders>
      </w:tcPr>
    </w:tblStylePr>
    <w:tblStylePr w:type="swCell">
      <w:tblPr/>
      <w:tcPr>
        <w:tcBorders>
          <w:top w:val="double" w:sz="4" w:space="0" w:color="99D7F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B9EF" w:themeColor="accent3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B9EF" w:themeColor="accent3"/>
          <w:right w:val="single" w:sz="4" w:space="0" w:color="4DB9EF" w:themeColor="accent3"/>
        </w:tcBorders>
      </w:tcPr>
    </w:tblStylePr>
    <w:tblStylePr w:type="band1Horz">
      <w:tblPr/>
      <w:tcPr>
        <w:tcBorders>
          <w:top w:val="single" w:sz="4" w:space="0" w:color="4DB9EF" w:themeColor="accent3"/>
          <w:bottom w:val="single" w:sz="4" w:space="0" w:color="4DB9E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B9EF" w:themeColor="accent3"/>
          <w:left w:val="nil"/>
        </w:tcBorders>
      </w:tcPr>
    </w:tblStylePr>
    <w:tblStylePr w:type="swCell">
      <w:tblPr/>
      <w:tcPr>
        <w:tcBorders>
          <w:top w:val="double" w:sz="4" w:space="0" w:color="4DB9E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A5EA" w:themeColor="accent5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A5EA" w:themeColor="accent5"/>
          <w:right w:val="single" w:sz="4" w:space="0" w:color="19A5EA" w:themeColor="accent5"/>
        </w:tcBorders>
      </w:tcPr>
    </w:tblStylePr>
    <w:tblStylePr w:type="band1Horz">
      <w:tblPr/>
      <w:tcPr>
        <w:tcBorders>
          <w:top w:val="single" w:sz="4" w:space="0" w:color="19A5EA" w:themeColor="accent5"/>
          <w:bottom w:val="single" w:sz="4" w:space="0" w:color="19A5E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A5EA" w:themeColor="accent5"/>
          <w:left w:val="nil"/>
        </w:tcBorders>
      </w:tcPr>
    </w:tblStylePr>
    <w:tblStylePr w:type="swCell">
      <w:tblPr/>
      <w:tcPr>
        <w:tcBorders>
          <w:top w:val="double" w:sz="4" w:space="0" w:color="19A5E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D7F6" w:themeColor="accent1"/>
        <w:left w:val="single" w:sz="24" w:space="0" w:color="99D7F6" w:themeColor="accent1"/>
        <w:bottom w:val="single" w:sz="24" w:space="0" w:color="99D7F6" w:themeColor="accent1"/>
        <w:right w:val="single" w:sz="24" w:space="0" w:color="99D7F6" w:themeColor="accent1"/>
      </w:tblBorders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B9EF" w:themeColor="accent3"/>
        <w:left w:val="single" w:sz="24" w:space="0" w:color="4DB9EF" w:themeColor="accent3"/>
        <w:bottom w:val="single" w:sz="24" w:space="0" w:color="4DB9EF" w:themeColor="accent3"/>
        <w:right w:val="single" w:sz="24" w:space="0" w:color="4DB9EF" w:themeColor="accent3"/>
      </w:tblBorders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A5EA" w:themeColor="accent5"/>
        <w:left w:val="single" w:sz="24" w:space="0" w:color="19A5EA" w:themeColor="accent5"/>
        <w:bottom w:val="single" w:sz="24" w:space="0" w:color="19A5EA" w:themeColor="accent5"/>
        <w:right w:val="single" w:sz="24" w:space="0" w:color="19A5EA" w:themeColor="accent5"/>
      </w:tblBorders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99D7F6" w:themeColor="accent1"/>
        <w:bottom w:val="single" w:sz="4" w:space="0" w:color="99D7F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D7F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4DB9EF" w:themeColor="accent3"/>
        <w:bottom w:val="single" w:sz="4" w:space="0" w:color="4DB9E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B9E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19A5EA" w:themeColor="accent5"/>
        <w:bottom w:val="single" w:sz="4" w:space="0" w:color="19A5E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A5E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7F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7F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7F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7F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B9E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B9E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B9E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B9E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A5E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A5E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A5E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A5E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  <w:insideV w:val="single" w:sz="8" w:space="0" w:color="B2E1F8" w:themeColor="accent1" w:themeTint="BF"/>
      </w:tblBorders>
    </w:tblPr>
    <w:tcPr>
      <w:shd w:val="clear" w:color="auto" w:fill="E5F5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1F8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  <w:insideV w:val="single" w:sz="8" w:space="0" w:color="79CAF3" w:themeColor="accent3" w:themeTint="BF"/>
      </w:tblBorders>
    </w:tblPr>
    <w:tcPr>
      <w:shd w:val="clear" w:color="auto" w:fill="D2ED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9CA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  <w:insideV w:val="single" w:sz="8" w:space="0" w:color="52BBEF" w:themeColor="accent5" w:themeTint="BF"/>
      </w:tblBorders>
    </w:tblPr>
    <w:tcPr>
      <w:shd w:val="clear" w:color="auto" w:fill="C5E8F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BBE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cPr>
      <w:shd w:val="clear" w:color="auto" w:fill="E5F5FC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4FBFE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7FD" w:themeFill="accent1" w:themeFillTint="33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tcBorders>
          <w:insideH w:val="single" w:sz="6" w:space="0" w:color="99D7F6" w:themeColor="accent1"/>
          <w:insideV w:val="single" w:sz="6" w:space="0" w:color="99D7F6" w:themeColor="accent1"/>
        </w:tcBorders>
        <w:shd w:val="clear" w:color="auto" w:fill="CCEBFA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cPr>
      <w:shd w:val="clear" w:color="auto" w:fill="D2EDFB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DF8FD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0FB" w:themeFill="accent3" w:themeFillTint="33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tcBorders>
          <w:insideH w:val="single" w:sz="6" w:space="0" w:color="4DB9EF" w:themeColor="accent3"/>
          <w:insideV w:val="single" w:sz="6" w:space="0" w:color="4DB9EF" w:themeColor="accent3"/>
        </w:tcBorders>
        <w:shd w:val="clear" w:color="auto" w:fill="A6DC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cPr>
      <w:shd w:val="clear" w:color="auto" w:fill="C5E8F9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8F6FD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CFA" w:themeFill="accent5" w:themeFillTint="33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tcBorders>
          <w:insideH w:val="single" w:sz="6" w:space="0" w:color="19A5EA" w:themeColor="accent5"/>
          <w:insideV w:val="single" w:sz="6" w:space="0" w:color="19A5EA" w:themeColor="accent5"/>
        </w:tcBorders>
        <w:shd w:val="clear" w:color="auto" w:fill="8CD1F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5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BFA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BFA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D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DC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DCF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E8F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D1F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D1F4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7F6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shd w:val="clear" w:color="auto" w:fill="E5F5FC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B9EF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shd w:val="clear" w:color="auto" w:fill="D2EDF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A5E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shd w:val="clear" w:color="auto" w:fill="C5E8F9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7F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7F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7F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7F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5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B9E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B9E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B9E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D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A5E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A5E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A5E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E8F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5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D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E8F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D7F6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EBFA" w:themeColor="background2"/>
        <w:left w:val="single" w:sz="4" w:space="0" w:color="CCEBFA" w:themeColor="background2"/>
        <w:bottom w:val="single" w:sz="4" w:space="0" w:color="CCEBFA" w:themeColor="background2"/>
        <w:right w:val="single" w:sz="4" w:space="0" w:color="CCEBFA" w:themeColor="background2"/>
        <w:insideH w:val="single" w:sz="4" w:space="0" w:color="CCEBFA" w:themeColor="background2"/>
        <w:insideV w:val="single" w:sz="4" w:space="0" w:color="CCEBFA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EBFA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shd w:val="clear" w:color="auto" w:fill="CCEBFA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CCEBFA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ind w:left="284" w:right="284"/>
    </w:pPr>
  </w:style>
  <w:style w:type="paragraph" w:styleId="Korrektur">
    <w:name w:val="Revision"/>
    <w:hidden/>
    <w:uiPriority w:val="99"/>
    <w:semiHidden/>
    <w:rsid w:val="00517232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age0029\AppData\Local\Temp\Templafy\WordVsto\g143jzko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elementConfiguration":{"binding":"{{Translate(\"Side\")}}","removeAndKeepContent":false,"disableUpdates":false,"type":"text"},"type":"richTextContentControl","id":"1c900167-2edd-405f-b7cd-58b26b68ae1b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784CB5-A832-422E-9260-36EE253C97BD}">
  <ds:schemaRefs/>
</ds:datastoreItem>
</file>

<file path=customXml/itemProps2.xml><?xml version="1.0" encoding="utf-8"?>
<ds:datastoreItem xmlns:ds="http://schemas.openxmlformats.org/officeDocument/2006/customXml" ds:itemID="{4A783360-2D84-4F66-8880-7053A2A2F97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143jzko</Template>
  <TotalTime>1</TotalTime>
  <Pages>2</Pages>
  <Words>434</Words>
  <Characters>2648</Characters>
  <Application>Microsoft Office Word</Application>
  <DocSecurity>0</DocSecurity>
  <Lines>22</Lines>
  <Paragraphs>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0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nette Agerholm</dc:creator>
  <cp:lastModifiedBy>Anette Agerholm</cp:lastModifiedBy>
  <cp:revision>2</cp:revision>
  <dcterms:created xsi:type="dcterms:W3CDTF">2026-01-08T06:37:00Z</dcterms:created>
  <dcterms:modified xsi:type="dcterms:W3CDTF">2026-01-08T06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433150052499566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